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4"/>
  </p:notesMasterIdLst>
  <p:sldIdLst>
    <p:sldId id="256" r:id="rId2"/>
    <p:sldId id="257" r:id="rId3"/>
  </p:sldIdLst>
  <p:sldSz cx="12192000" cy="6858000"/>
  <p:notesSz cx="6858000" cy="9144000"/>
  <p:custDataLst>
    <p:tags r:id="rId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5000" autoAdjust="0"/>
    <p:restoredTop sz="94660"/>
  </p:normalViewPr>
  <p:slideViewPr>
    <p:cSldViewPr snapToGrid="0">
      <p:cViewPr>
        <p:scale>
          <a:sx n="60" d="100"/>
          <a:sy n="60" d="100"/>
        </p:scale>
        <p:origin x="1140" y="318"/>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viewProps" Target="viewProp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presProps" Target="presProps.xml"/><Relationship Id="rId5" Type="http://schemas.openxmlformats.org/officeDocument/2006/relationships/tags" Target="tags/tag1.xml"/><Relationship Id="rId4" Type="http://schemas.openxmlformats.org/officeDocument/2006/relationships/notesMaster" Target="notesMasters/notesMaster1.xml"/><Relationship Id="rId9"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D4C283B5-7AAE-4EE6-A0FD-8B9E67027DA7}" type="datetimeFigureOut">
              <a:rPr lang="en-US" smtClean="0"/>
              <a:t>10/26/2022</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6CE9B817-EE5D-4B72-9873-71BB9A762C33}" type="slidenum">
              <a:rPr lang="en-US" smtClean="0"/>
              <a:t>‹#›</a:t>
            </a:fld>
            <a:endParaRPr lang="en-US"/>
          </a:p>
        </p:txBody>
      </p:sp>
    </p:spTree>
    <p:extLst>
      <p:ext uri="{BB962C8B-B14F-4D97-AF65-F5344CB8AC3E}">
        <p14:creationId xmlns:p14="http://schemas.microsoft.com/office/powerpoint/2010/main" val="414894597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6CE9B817-EE5D-4B72-9873-71BB9A762C33}" type="slidenum">
              <a:rPr lang="en-US" smtClean="0"/>
              <a:t>2</a:t>
            </a:fld>
            <a:endParaRPr lang="en-US"/>
          </a:p>
        </p:txBody>
      </p:sp>
    </p:spTree>
    <p:extLst>
      <p:ext uri="{BB962C8B-B14F-4D97-AF65-F5344CB8AC3E}">
        <p14:creationId xmlns:p14="http://schemas.microsoft.com/office/powerpoint/2010/main" val="159397346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7D7EDFF-E5FF-4A47-92DE-0D3FFE9EA099}"/>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0B09DE60-428C-494D-9326-393EFA36BA6A}"/>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77F2D85E-6404-494E-83A4-3184F6804AEB}"/>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5" name="Footer Placeholder 4">
            <a:extLst>
              <a:ext uri="{FF2B5EF4-FFF2-40B4-BE49-F238E27FC236}">
                <a16:creationId xmlns:a16="http://schemas.microsoft.com/office/drawing/2014/main" id="{24E31929-3D1F-4613-A93A-CCC3E3A49DBF}"/>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F711979-90D0-4DCE-B88C-0673BC6B0756}"/>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260067913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C6FB085-03F9-44AF-A395-8AA87809FC95}"/>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B5A4EC85-B5FA-44C2-BF75-D2BA77A46885}"/>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5E4790D1-CAF3-40A7-814E-89491F78CF28}"/>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5" name="Footer Placeholder 4">
            <a:extLst>
              <a:ext uri="{FF2B5EF4-FFF2-40B4-BE49-F238E27FC236}">
                <a16:creationId xmlns:a16="http://schemas.microsoft.com/office/drawing/2014/main" id="{F0418E31-6FF7-4EA1-A173-A3F10FA6DAC6}"/>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C464FC21-11DA-4BE9-8239-27C7E47C335E}"/>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99687249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52D59C54-720E-4198-B602-8181B51B3F52}"/>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367D510D-48CA-40F9-A6A7-2C565F1151BD}"/>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E4F313B6-8AEA-4E66-A550-1FA091CE8A4D}"/>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5" name="Footer Placeholder 4">
            <a:extLst>
              <a:ext uri="{FF2B5EF4-FFF2-40B4-BE49-F238E27FC236}">
                <a16:creationId xmlns:a16="http://schemas.microsoft.com/office/drawing/2014/main" id="{8A413F86-C8B4-4E84-9286-E97BBF11BF16}"/>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BCB2A905-3E53-4F15-A94F-F4E316C21ED6}"/>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354586857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4C8F270-43F6-4793-8733-7E505813F144}"/>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33C12562-FE0C-4D2D-84EE-1B36074A0D6C}"/>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F93269B-9E58-4C39-8D3A-1C7882F08120}"/>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5" name="Footer Placeholder 4">
            <a:extLst>
              <a:ext uri="{FF2B5EF4-FFF2-40B4-BE49-F238E27FC236}">
                <a16:creationId xmlns:a16="http://schemas.microsoft.com/office/drawing/2014/main" id="{B38EC768-83AD-42A8-B5BC-58652C13192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348DBA4B-E560-4B89-904D-CA732D021320}"/>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2290311660"/>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769F9B8-F41F-4E90-B33F-B576C1CC1A9E}"/>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D6E08F03-5907-46B9-B73D-4492B6A71FAB}"/>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A26948C9-3F06-4ADA-BAA7-8D6695077B2F}"/>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5" name="Footer Placeholder 4">
            <a:extLst>
              <a:ext uri="{FF2B5EF4-FFF2-40B4-BE49-F238E27FC236}">
                <a16:creationId xmlns:a16="http://schemas.microsoft.com/office/drawing/2014/main" id="{E244F557-C764-4F2A-9971-A949C182020B}"/>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3168895C-0D8C-4474-83D7-66940CCAFC3D}"/>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8991069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CF608A2-A555-49D9-BC2F-2BFF5C942B9E}"/>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953AB1D8-8E5D-43B7-B57D-AEFCB26116A6}"/>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E7BA809A-3A67-48BB-B3E3-07742196DB8A}"/>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028BCBD3-3BA3-4E17-BC27-DB68C5DF51ED}"/>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6" name="Footer Placeholder 5">
            <a:extLst>
              <a:ext uri="{FF2B5EF4-FFF2-40B4-BE49-F238E27FC236}">
                <a16:creationId xmlns:a16="http://schemas.microsoft.com/office/drawing/2014/main" id="{CF5B8198-756A-4F96-A5E1-895DA3974AAB}"/>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2711931C-2851-49E9-90EE-85E23C9EC139}"/>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420683910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B7A24E4-BF76-4351-A566-6822FFF51E1E}"/>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FB285D27-E821-41D8-A0AF-EB9695AEE01C}"/>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6C10BF66-CB9F-420A-B0ED-D36D8FB19107}"/>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73DE61AE-D09B-4AA8-9D37-07FD5E8700E0}"/>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2E053B26-50EF-4384-A455-A63F17D68FEA}"/>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AE61FEBD-246E-4A6D-95EF-EE900F27F011}"/>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8" name="Footer Placeholder 7">
            <a:extLst>
              <a:ext uri="{FF2B5EF4-FFF2-40B4-BE49-F238E27FC236}">
                <a16:creationId xmlns:a16="http://schemas.microsoft.com/office/drawing/2014/main" id="{3F4FA260-C2D6-4AD1-95AC-360A9C50EF04}"/>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6700FE83-6148-4134-9B2D-1256ED960477}"/>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764283148"/>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9FEA06C-8CC8-409E-9BCF-9DAD09EE26B6}"/>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584DD854-302E-46D3-97C5-6F1E1CEF9985}"/>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4" name="Footer Placeholder 3">
            <a:extLst>
              <a:ext uri="{FF2B5EF4-FFF2-40B4-BE49-F238E27FC236}">
                <a16:creationId xmlns:a16="http://schemas.microsoft.com/office/drawing/2014/main" id="{FE75B995-90FE-4F5D-8700-C5E635A28E44}"/>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332B70C0-707D-4079-8778-46D0827EC6AB}"/>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58230284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60AFDC7E-8E66-4D9B-8941-F4EFBA0BEAEC}"/>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3" name="Footer Placeholder 2">
            <a:extLst>
              <a:ext uri="{FF2B5EF4-FFF2-40B4-BE49-F238E27FC236}">
                <a16:creationId xmlns:a16="http://schemas.microsoft.com/office/drawing/2014/main" id="{4A413DF2-7775-460D-B37D-BEB457546166}"/>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07ADD278-200E-4A51-8843-07F349D454BF}"/>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251933679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1413FDE-3382-49F9-9EDF-CBE0A559131F}"/>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0C01364A-624B-4288-96CC-EB15C5B2E5D4}"/>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BE49B133-41C4-41A7-8A0C-955BD993F941}"/>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200AD7A9-68F3-4BD8-BCE9-E313FD71D314}"/>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6" name="Footer Placeholder 5">
            <a:extLst>
              <a:ext uri="{FF2B5EF4-FFF2-40B4-BE49-F238E27FC236}">
                <a16:creationId xmlns:a16="http://schemas.microsoft.com/office/drawing/2014/main" id="{5A0161B2-43D0-4D28-86F6-4D21075AD75E}"/>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28B44AF8-CF24-48AD-8961-45EFBB25E7C2}"/>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2459416509"/>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8FA9757-22A5-4D45-B2F9-3D19FB4B4AB5}"/>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5E3C0AB5-BEBF-414E-89FC-34DFFCF98D46}"/>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905941EA-891E-462D-A8A2-BF1C6922D90A}"/>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87727EB2-F612-447C-801F-AC7BF280C94A}"/>
              </a:ext>
            </a:extLst>
          </p:cNvPr>
          <p:cNvSpPr>
            <a:spLocks noGrp="1"/>
          </p:cNvSpPr>
          <p:nvPr>
            <p:ph type="dt" sz="half" idx="10"/>
          </p:nvPr>
        </p:nvSpPr>
        <p:spPr/>
        <p:txBody>
          <a:bodyPr/>
          <a:lstStyle/>
          <a:p>
            <a:fld id="{38721C2F-0AB6-4FE2-8901-49EC7DE821C5}" type="datetimeFigureOut">
              <a:rPr lang="en-US" smtClean="0"/>
              <a:t>10/26/2022</a:t>
            </a:fld>
            <a:endParaRPr lang="en-US"/>
          </a:p>
        </p:txBody>
      </p:sp>
      <p:sp>
        <p:nvSpPr>
          <p:cNvPr id="6" name="Footer Placeholder 5">
            <a:extLst>
              <a:ext uri="{FF2B5EF4-FFF2-40B4-BE49-F238E27FC236}">
                <a16:creationId xmlns:a16="http://schemas.microsoft.com/office/drawing/2014/main" id="{E52035C1-7AAE-4250-A5BC-63F35E1299C0}"/>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A39D5573-4FDA-44C6-9949-ED1116B4AE73}"/>
              </a:ext>
            </a:extLst>
          </p:cNvPr>
          <p:cNvSpPr>
            <a:spLocks noGrp="1"/>
          </p:cNvSpPr>
          <p:nvPr>
            <p:ph type="sldNum" sz="quarter" idx="12"/>
          </p:nvPr>
        </p:nvSpPr>
        <p:spPr/>
        <p:txBody>
          <a:bodyPr/>
          <a:lstStyle/>
          <a:p>
            <a:fld id="{BAAF851D-C39F-4C19-B36B-3DF8D22DDE40}" type="slidenum">
              <a:rPr lang="en-US" smtClean="0"/>
              <a:t>‹#›</a:t>
            </a:fld>
            <a:endParaRPr lang="en-US"/>
          </a:p>
        </p:txBody>
      </p:sp>
    </p:spTree>
    <p:extLst>
      <p:ext uri="{BB962C8B-B14F-4D97-AF65-F5344CB8AC3E}">
        <p14:creationId xmlns:p14="http://schemas.microsoft.com/office/powerpoint/2010/main" val="370242209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C4EC39B2-F7A2-4254-B52A-BC3E1ADCA4AD}"/>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1661A125-AF12-43FC-A5D5-3C39F428D894}"/>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EF6E8A27-9DAC-483B-A541-A7A166F410CA}"/>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38721C2F-0AB6-4FE2-8901-49EC7DE821C5}" type="datetimeFigureOut">
              <a:rPr lang="en-US" smtClean="0"/>
              <a:t>10/26/2022</a:t>
            </a:fld>
            <a:endParaRPr lang="en-US"/>
          </a:p>
        </p:txBody>
      </p:sp>
      <p:sp>
        <p:nvSpPr>
          <p:cNvPr id="5" name="Footer Placeholder 4">
            <a:extLst>
              <a:ext uri="{FF2B5EF4-FFF2-40B4-BE49-F238E27FC236}">
                <a16:creationId xmlns:a16="http://schemas.microsoft.com/office/drawing/2014/main" id="{359E0D75-BC5A-4FC6-BE4D-EAEFDEAB2A53}"/>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950B58F3-1771-44B0-8ED0-BBB49A7F285B}"/>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AAF851D-C39F-4C19-B36B-3DF8D22DDE40}" type="slidenum">
              <a:rPr lang="en-US" smtClean="0"/>
              <a:t>‹#›</a:t>
            </a:fld>
            <a:endParaRPr lang="en-US"/>
          </a:p>
        </p:txBody>
      </p:sp>
    </p:spTree>
    <p:extLst>
      <p:ext uri="{BB962C8B-B14F-4D97-AF65-F5344CB8AC3E}">
        <p14:creationId xmlns:p14="http://schemas.microsoft.com/office/powerpoint/2010/main" val="4111153684"/>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hyperlink" Target="https://www.ispringsolutions.com/ispring-suite" TargetMode="Externa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3.xml"/><Relationship Id="rId5" Type="http://schemas.openxmlformats.org/officeDocument/2006/relationships/image" Target="../media/image2.png"/><Relationship Id="rId4" Type="http://schemas.openxmlformats.org/officeDocument/2006/relationships/image" Target="../media/image1.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086A8AF-118F-4E98-A94F-D9E05F365383}"/>
              </a:ext>
            </a:extLst>
          </p:cNvPr>
          <p:cNvSpPr>
            <a:spLocks noGrp="1"/>
          </p:cNvSpPr>
          <p:nvPr>
            <p:ph type="ctrTitle"/>
          </p:nvPr>
        </p:nvSpPr>
        <p:spPr>
          <a:xfrm>
            <a:off x="1524000" y="128337"/>
            <a:ext cx="9144000" cy="896755"/>
          </a:xfrm>
        </p:spPr>
        <p:txBody>
          <a:bodyPr>
            <a:normAutofit fontScale="90000"/>
          </a:bodyPr>
          <a:lstStyle/>
          <a:p>
            <a:r>
              <a:rPr lang="en-US" sz="6000" b="0" i="0" u="sng" dirty="0">
                <a:solidFill>
                  <a:srgbClr val="0089EF"/>
                </a:solidFill>
                <a:effectLst/>
                <a:latin typeface="Fira Sans" panose="020B0503050000020004" pitchFamily="34" charset="0"/>
                <a:hlinkClick r:id="rId3"/>
              </a:rPr>
              <a:t>iSpring Suite</a:t>
            </a:r>
            <a:r>
              <a:rPr lang="en-US" sz="6000" b="0" i="0" dirty="0">
                <a:solidFill>
                  <a:srgbClr val="34373C"/>
                </a:solidFill>
                <a:effectLst/>
                <a:latin typeface="Fira Sans" panose="020B0503050000020004" pitchFamily="34" charset="0"/>
              </a:rPr>
              <a:t> </a:t>
            </a:r>
            <a:endParaRPr lang="en-US" dirty="0"/>
          </a:p>
        </p:txBody>
      </p:sp>
      <p:sp>
        <p:nvSpPr>
          <p:cNvPr id="3" name="Subtitle 2">
            <a:extLst>
              <a:ext uri="{FF2B5EF4-FFF2-40B4-BE49-F238E27FC236}">
                <a16:creationId xmlns:a16="http://schemas.microsoft.com/office/drawing/2014/main" id="{CDA62BE8-9EB7-43D0-9830-065BDBB6E86A}"/>
              </a:ext>
            </a:extLst>
          </p:cNvPr>
          <p:cNvSpPr>
            <a:spLocks noGrp="1"/>
          </p:cNvSpPr>
          <p:nvPr>
            <p:ph type="subTitle" idx="1"/>
          </p:nvPr>
        </p:nvSpPr>
        <p:spPr>
          <a:xfrm>
            <a:off x="277090" y="1041134"/>
            <a:ext cx="11554691" cy="5426508"/>
          </a:xfrm>
        </p:spPr>
        <p:txBody>
          <a:bodyPr>
            <a:normAutofit fontScale="25000" lnSpcReduction="20000"/>
          </a:bodyPr>
          <a:lstStyle/>
          <a:p>
            <a:pPr algn="just">
              <a:lnSpc>
                <a:spcPct val="120000"/>
              </a:lnSpc>
            </a:pPr>
            <a:r>
              <a:rPr lang="en-US" sz="6800" b="1" i="0" dirty="0">
                <a:solidFill>
                  <a:srgbClr val="34373C"/>
                </a:solidFill>
                <a:effectLst/>
                <a:latin typeface="Fira Sans" panose="020B0503050000020004" pitchFamily="34" charset="0"/>
              </a:rPr>
              <a:t>Alexandria, VA. — September 1, 2022.</a:t>
            </a:r>
            <a:r>
              <a:rPr lang="en-US" sz="6800" b="0" i="0" dirty="0">
                <a:solidFill>
                  <a:srgbClr val="34373C"/>
                </a:solidFill>
                <a:effectLst/>
                <a:latin typeface="Fira Sans" panose="020B0503050000020004" pitchFamily="34" charset="0"/>
              </a:rPr>
              <a:t> — iSpring Solutions Inc., a world-renowned vendor of eLearning software and services, announced the release of its brand-new iSpring Suite 11. It will let content creators design even more impactful eLearning with new customization features, hand-drawn characters and locations, player speed options, and an industry-leading user interface.</a:t>
            </a:r>
          </a:p>
          <a:p>
            <a:pPr algn="just">
              <a:lnSpc>
                <a:spcPct val="120000"/>
              </a:lnSpc>
            </a:pPr>
            <a:r>
              <a:rPr lang="en-US" sz="6800" b="0" i="0" u="sng" dirty="0">
                <a:solidFill>
                  <a:srgbClr val="0089EF"/>
                </a:solidFill>
                <a:effectLst/>
                <a:latin typeface="Fira Sans" panose="020B0503050000020004" pitchFamily="34" charset="0"/>
                <a:hlinkClick r:id="rId3"/>
              </a:rPr>
              <a:t>iSpring Suite</a:t>
            </a:r>
            <a:r>
              <a:rPr lang="en-US" sz="6800" b="0" i="0" dirty="0">
                <a:solidFill>
                  <a:srgbClr val="34373C"/>
                </a:solidFill>
                <a:effectLst/>
                <a:latin typeface="Fira Sans" panose="020B0503050000020004" pitchFamily="34" charset="0"/>
              </a:rPr>
              <a:t> is an all-in-one authoring toolkit that lets users design pro-looking eLearning content — interactive courses, quizzes, video tutorials, role-plays, SCORM-compliant e-books, and interactions, fast with no tech skills or IT background required. It also comes with an extensive library of assets and templates and an online space in which users can store content, work on it together with their team, and share it with stakeholders for review and approval.</a:t>
            </a:r>
          </a:p>
          <a:p>
            <a:pPr algn="just">
              <a:lnSpc>
                <a:spcPct val="120000"/>
              </a:lnSpc>
            </a:pPr>
            <a:r>
              <a:rPr lang="en-US" sz="6800" b="0" i="0" dirty="0">
                <a:solidFill>
                  <a:srgbClr val="34373C"/>
                </a:solidFill>
                <a:effectLst/>
                <a:latin typeface="Fira Sans" panose="020B0503050000020004" pitchFamily="34" charset="0"/>
              </a:rPr>
              <a:t>This tool is fully compatible with iSpring Learn LMS, an online training platform that goes beyond standard training delivery and helps companies transform their business. Content created with iSpring Suite can also be easily exported to over 150 of the most popular LMSs, where it will display perfectly and provide training statistics.</a:t>
            </a:r>
          </a:p>
          <a:p>
            <a:pPr algn="just">
              <a:lnSpc>
                <a:spcPct val="120000"/>
              </a:lnSpc>
            </a:pPr>
            <a:r>
              <a:rPr lang="en-US" sz="6800" b="0" i="0" dirty="0">
                <a:solidFill>
                  <a:srgbClr val="34373C"/>
                </a:solidFill>
                <a:effectLst/>
                <a:latin typeface="Fira Sans" panose="020B0503050000020004" pitchFamily="34" charset="0"/>
              </a:rPr>
              <a:t>The new iSpring Suite 11 has a modern, extremely intuitive interface and additional features that let users create more personalized learning experiences and allow learners to study at their own pace:</a:t>
            </a:r>
          </a:p>
          <a:p>
            <a:pPr algn="just">
              <a:lnSpc>
                <a:spcPct val="120000"/>
              </a:lnSpc>
            </a:pPr>
            <a:r>
              <a:rPr lang="en-US" sz="6800" b="1" i="0" dirty="0">
                <a:solidFill>
                  <a:srgbClr val="34373C"/>
                </a:solidFill>
                <a:effectLst/>
                <a:latin typeface="Fira Sans" panose="020B0503050000020004" pitchFamily="34" charset="0"/>
              </a:rPr>
              <a:t>New customization features</a:t>
            </a:r>
            <a:r>
              <a:rPr lang="en-US" sz="6800" b="0" i="0" dirty="0">
                <a:solidFill>
                  <a:srgbClr val="34373C"/>
                </a:solidFill>
                <a:effectLst/>
                <a:latin typeface="Fira Sans" panose="020B0503050000020004" pitchFamily="34" charset="0"/>
              </a:rPr>
              <a:t>. Instructional designers can create courses in keeping with the brand identity, set the colors and gradients of the player, round off buttons, and use downloaded fonts. They now can also use one of the five new course player templates and create their own presets once and then simply select this preset instead of building new courses from scratch.</a:t>
            </a:r>
          </a:p>
          <a:p>
            <a:endParaRPr lang="en-US" dirty="0"/>
          </a:p>
        </p:txBody>
      </p:sp>
    </p:spTree>
    <p:custDataLst>
      <p:tags r:id="rId1"/>
    </p:custDataLst>
    <p:extLst>
      <p:ext uri="{BB962C8B-B14F-4D97-AF65-F5344CB8AC3E}">
        <p14:creationId xmlns:p14="http://schemas.microsoft.com/office/powerpoint/2010/main" val="312806529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ISPRING_QUIZ_SHAPE0">
            <a:extLst>
              <a:ext uri="{FF2B5EF4-FFF2-40B4-BE49-F238E27FC236}">
                <a16:creationId xmlns:a16="http://schemas.microsoft.com/office/drawing/2014/main" id="{1242171C-1407-484E-9850-D25D44DACDC2}"/>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ISPRING_QUIZ_SHAPE1">
            <a:extLst>
              <a:ext uri="{FF2B5EF4-FFF2-40B4-BE49-F238E27FC236}">
                <a16:creationId xmlns:a16="http://schemas.microsoft.com/office/drawing/2014/main" id="{2C44078D-5F04-4FCA-AF3E-E43A1C271009}"/>
              </a:ext>
            </a:extLst>
          </p:cNvPr>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541270" y="1851660"/>
            <a:ext cx="7112000" cy="4445000"/>
          </a:xfrm>
          <a:prstGeom prst="rect">
            <a:avLst/>
          </a:prstGeom>
          <a:effectLst>
            <a:outerShdw blurRad="114300" dist="38100" dir="5400000" rotWithShape="0">
              <a:scrgbClr r="0" g="0" b="0">
                <a:alpha val="20000"/>
              </a:scrgbClr>
            </a:outerShdw>
          </a:effectLst>
        </p:spPr>
      </p:pic>
      <p:sp>
        <p:nvSpPr>
          <p:cNvPr id="7" name="ISPRING_QUIZ_SHAPE2">
            <a:extLst>
              <a:ext uri="{FF2B5EF4-FFF2-40B4-BE49-F238E27FC236}">
                <a16:creationId xmlns:a16="http://schemas.microsoft.com/office/drawing/2014/main" id="{031DE249-9554-44C3-B0E8-E4F6A0F8BCCA}"/>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9" name="ISPRING_QUIZ_SHAPE3">
            <a:extLst>
              <a:ext uri="{FF2B5EF4-FFF2-40B4-BE49-F238E27FC236}">
                <a16:creationId xmlns:a16="http://schemas.microsoft.com/office/drawing/2014/main" id="{8F0948A4-25E0-4A88-862A-E6CB8C3F678C}"/>
              </a:ext>
            </a:extLst>
          </p:cNvPr>
          <p:cNvPicPr>
            <a:picLocks/>
          </p:cNvPicPr>
          <p:nvPr/>
        </p:nvPicPr>
        <p:blipFill>
          <a:blip r:embed="rId5">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0" name="ISPRING_QUIZ_SHAPE4">
            <a:extLst>
              <a:ext uri="{FF2B5EF4-FFF2-40B4-BE49-F238E27FC236}">
                <a16:creationId xmlns:a16="http://schemas.microsoft.com/office/drawing/2014/main" id="{E7FE4D82-5E73-46FB-A4C1-B245D03C62C0}"/>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4197681427"/>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UUID" val="{2284F0B3-6098-407B-9796-2A03945BD4D8}"/>
  <p:tag name="ISPRING_RESOURCE_FOLDER" val="C:\Users\adami\Desktop\readig\Presentation1\"/>
  <p:tag name="ISPRING_PRESENTATION_PATH" val="C:\Users\adami\Desktop\readig\Presentation1.pptx"/>
  <p:tag name="ISPRING_PROJECT_VERSION" val="9.3"/>
  <p:tag name="ISPRING_PROJECT_FOLDER_UPDATED" val="1"/>
  <p:tag name="ISPRING_SCREEN_RECS_UPDATED" val="C:\Users\adami\Desktop\readig\Presentation1\"/>
  <p:tag name="ISPRING_LMS_API_VERSION" val="SCORM 2004 (4th edition)"/>
  <p:tag name="ISPRING_ULTRA_SCORM_COURSE_ID" val="FE4DB11C-5061-4736-A0A5-D0DB8B98F4B8"/>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O`^\uFFFD{833C0FC2-20D6-4279-9BA7-0173E8D4701B}&quot;,&quot;C:\\Users\\adami\\Desktop\\readig&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RATE_SLIDES" val="0"/>
  <p:tag name="ISPRING_SCORM_PASSING_SCORE" val="80.000000"/>
  <p:tag name="ISPRING_CURRENT_PLAYER_ID" val="universal"/>
  <p:tag name="ISPRING_PRESENTATION_TITLE" val="Presentation1"/>
</p:tagLst>
</file>

<file path=ppt/tags/tag2.xml><?xml version="1.0" encoding="utf-8"?>
<p:tagLst xmlns:a="http://schemas.openxmlformats.org/drawingml/2006/main" xmlns:r="http://schemas.openxmlformats.org/officeDocument/2006/relationships" xmlns:p="http://schemas.openxmlformats.org/presentationml/2006/main">
  <p:tag name="GENSWF_SLIDE_UID" val="{810B9970-DEC7-4879-AEDD-4EA3D2763A58}:256"/>
</p:tagLst>
</file>

<file path=ppt/tags/tag3.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FULL_PATH" val="C:\Users\adami\Desktop\readig\Presentation1\quiz\quiz1.quiz"/>
  <p:tag name="ISPRING_QUIZ_RELATIVE_PATH" val="Presentation1\quiz\quiz1.quiz"/>
  <p:tag name="GENSWF_SLIDE_UID" val="{8EE24BBB-4555-431E-9404-BF80F148E4E9}:257"/>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7</TotalTime>
  <Words>314</Words>
  <Application>Microsoft Office PowerPoint</Application>
  <PresentationFormat>Widescreen</PresentationFormat>
  <Paragraphs>9</Paragraphs>
  <Slides>2</Slides>
  <Notes>1</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2</vt:i4>
      </vt:variant>
    </vt:vector>
  </HeadingPairs>
  <TitlesOfParts>
    <vt:vector size="9" baseType="lpstr">
      <vt:lpstr>Arial</vt:lpstr>
      <vt:lpstr>Calibri</vt:lpstr>
      <vt:lpstr>Calibri Light</vt:lpstr>
      <vt:lpstr>Fira Sans</vt:lpstr>
      <vt:lpstr>Segoe UI</vt:lpstr>
      <vt:lpstr>Segoe UI Semibold</vt:lpstr>
      <vt:lpstr>Office Theme</vt:lpstr>
      <vt:lpstr>iSpring Suite </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resentation1</dc:title>
  <dc:creator>boujaada abdou</dc:creator>
  <cp:lastModifiedBy>boujaada abdou</cp:lastModifiedBy>
  <cp:revision>5</cp:revision>
  <dcterms:created xsi:type="dcterms:W3CDTF">2022-10-26T20:03:07Z</dcterms:created>
  <dcterms:modified xsi:type="dcterms:W3CDTF">2022-10-26T20:11:0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3C370F08-9EC3-4943-BF65-7F9C1738019E</vt:lpwstr>
  </property>
  <property fmtid="{D5CDD505-2E9C-101B-9397-08002B2CF9AE}" pid="3" name="ArticulatePath">
    <vt:lpwstr>Presentation1</vt:lpwstr>
  </property>
</Properties>
</file>